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argies/"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BAE955CF-220E-7848-D16B-4243BFD51AC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05413" y="5491667"/>
            <a:ext cx="2213197" cy="117742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9F3E7E08-4D5E-9D74-CB69-CC802F559D3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8989" y="4388139"/>
            <a:ext cx="1637686" cy="87124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1-14T12:52:06Z</dcterms:modified>
</cp:coreProperties>
</file>